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9"/>
  </p:notesMasterIdLst>
  <p:handoutMasterIdLst>
    <p:handoutMasterId r:id="rId20"/>
  </p:handoutMasterIdLst>
  <p:sldIdLst>
    <p:sldId id="260" r:id="rId10"/>
    <p:sldId id="257" r:id="rId11"/>
    <p:sldId id="261" r:id="rId12"/>
    <p:sldId id="262" r:id="rId13"/>
    <p:sldId id="266" r:id="rId14"/>
    <p:sldId id="263" r:id="rId15"/>
    <p:sldId id="264" r:id="rId16"/>
    <p:sldId id="265" r:id="rId17"/>
    <p:sldId id="267" r:id="rId18"/>
  </p:sldIdLst>
  <p:sldSz cx="12190413" cy="6858000"/>
  <p:notesSz cx="6858000" cy="9144000"/>
  <p:custDataLst>
    <p:tags r:id="rId2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106" d="100"/>
          <a:sy n="106" d="100"/>
        </p:scale>
        <p:origin x="132" y="19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3" Type="http://schemas.openxmlformats.org/officeDocument/2006/relationships/customXml" Target="../customXml/item3.xml"/><Relationship Id="rId21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0630" y="426127"/>
            <a:ext cx="10513168" cy="410585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10630" y="1340768"/>
            <a:ext cx="10513168" cy="4911210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910630" y="426127"/>
            <a:ext cx="10176470" cy="4378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910630" y="1239728"/>
            <a:ext cx="10176470" cy="50121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38e85ed-56d9-4209-b9b6-b7c3689037c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Health Tech</a:t>
            </a:r>
          </a:p>
        </p:txBody>
      </p:sp>
      <p:sp>
        <p:nvSpPr>
          <p:cNvPr id="5" name="date" descr="{&quot;templafy&quot;:{&quot;id&quot;:&quot;5b015a88-a4c9-4fa4-8ef1-47ac79f9e425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7 May 2020</a:t>
            </a:r>
          </a:p>
        </p:txBody>
      </p:sp>
      <p:sp>
        <p:nvSpPr>
          <p:cNvPr id="7" name="text" descr="{&quot;templafy&quot;:{&quot;id&quot;:&quot;1ba720e6-1107-4dfa-a983-ea2ed7497a5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US" sz="700" dirty="0">
                <a:solidFill>
                  <a:schemeClr val="bg1"/>
                </a:solidFill>
                <a:latin typeface="+mn-lt"/>
              </a:rPr>
              <a:t>Introduction to R for Psychoacoustics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hyperlink" Target="https://github.com/rstudio/cheatsheets/blob/master/data-visualization-2.1.pdf" TargetMode="Externa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3545117"/>
            <a:ext cx="11256591" cy="747979"/>
          </a:xfrm>
        </p:spPr>
        <p:txBody>
          <a:bodyPr/>
          <a:lstStyle/>
          <a:p>
            <a:r>
              <a:rPr lang="en-GB" sz="4800" dirty="0"/>
              <a:t>Introduction to R for Psychoacoustic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95738" y="1704975"/>
            <a:ext cx="10840028" cy="1660654"/>
          </a:xfrm>
        </p:spPr>
        <p:txBody>
          <a:bodyPr/>
          <a:lstStyle/>
          <a:p>
            <a:r>
              <a:rPr lang="en-GB" sz="2600" dirty="0"/>
              <a:t>Axel Ahren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6" name="Subtitle 4">
            <a:extLst>
              <a:ext uri="{FF2B5EF4-FFF2-40B4-BE49-F238E27FC236}">
                <a16:creationId xmlns:a16="http://schemas.microsoft.com/office/drawing/2014/main" id="{B3089CB8-C4F6-4206-BF1E-3557FA97CA20}"/>
              </a:ext>
            </a:extLst>
          </p:cNvPr>
          <p:cNvSpPr txBox="1">
            <a:spLocks/>
          </p:cNvSpPr>
          <p:nvPr/>
        </p:nvSpPr>
        <p:spPr bwMode="auto">
          <a:xfrm>
            <a:off x="297903" y="4293096"/>
            <a:ext cx="10840028" cy="5085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sz="2200" kern="0" dirty="0"/>
              <a:t>My procedure to analyse perceptual data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genda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Prepare data in MATLAB</a:t>
            </a:r>
          </a:p>
          <a:p>
            <a:endParaRPr lang="en-GB" dirty="0"/>
          </a:p>
          <a:p>
            <a:r>
              <a:rPr lang="en-GB" dirty="0"/>
              <a:t>Export data from MATLAB</a:t>
            </a:r>
          </a:p>
          <a:p>
            <a:endParaRPr lang="en-GB" dirty="0"/>
          </a:p>
          <a:p>
            <a:r>
              <a:rPr lang="en-GB" dirty="0"/>
              <a:t>Import data in R using the </a:t>
            </a:r>
            <a:r>
              <a:rPr lang="en-GB" dirty="0" err="1">
                <a:solidFill>
                  <a:schemeClr val="accent3">
                    <a:lumMod val="75000"/>
                  </a:schemeClr>
                </a:solidFill>
              </a:rPr>
              <a:t>Tidyverse</a:t>
            </a:r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/>
          </a:p>
          <a:p>
            <a:r>
              <a:rPr lang="en-GB" dirty="0"/>
              <a:t>Data visualization using </a:t>
            </a:r>
            <a:r>
              <a:rPr lang="en-GB" dirty="0">
                <a:solidFill>
                  <a:schemeClr val="accent3">
                    <a:lumMod val="75000"/>
                  </a:schemeClr>
                </a:solidFill>
              </a:rPr>
              <a:t>ggplot2</a:t>
            </a:r>
          </a:p>
          <a:p>
            <a:endParaRPr lang="en-GB" dirty="0"/>
          </a:p>
          <a:p>
            <a:r>
              <a:rPr lang="en-GB" dirty="0"/>
              <a:t>Statistical analysis with mixed linear models using </a:t>
            </a:r>
            <a:r>
              <a:rPr lang="en-GB" dirty="0" err="1">
                <a:solidFill>
                  <a:schemeClr val="accent3">
                    <a:lumMod val="75000"/>
                  </a:schemeClr>
                </a:solidFill>
              </a:rPr>
              <a:t>lmerTest</a:t>
            </a:r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pPr marL="0" indent="0" algn="ctr">
              <a:buNone/>
            </a:pPr>
            <a:r>
              <a:rPr lang="en-GB" sz="2200" b="1" dirty="0">
                <a:solidFill>
                  <a:schemeClr val="accent3">
                    <a:lumMod val="75000"/>
                  </a:schemeClr>
                </a:solidFill>
              </a:rPr>
              <a:t>Disclaimer: This is only my workflow. There are likely more efficient ways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989A7F6-939A-42CD-B61B-6C72F9B140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preparation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1DC0579-EC56-4906-84DF-BCD9614AC3B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ake the data from the perceptual experiment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EFE8E6C-6F71-4B6F-AA19-4718FE8A77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A5764681-C799-4A72-AB12-643B6581E3D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78782" y="1988840"/>
            <a:ext cx="8221222" cy="40105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180213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014D515-2A5F-4D48-B7DC-9B2C1C1FBC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export in MATLAB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C90187A-C7F2-45CD-B86D-0F1D6E05E5E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3E9A10-45C5-41F9-B7C3-0E09A26123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0AB228B-DE11-4AD7-913D-A01801BEFC2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78782" y="1988840"/>
            <a:ext cx="8221222" cy="40105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6758265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C96D551-A4F5-4C55-B5CC-0CB302CA6B0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se R vs </a:t>
            </a:r>
            <a:r>
              <a:rPr lang="en-US" dirty="0" err="1"/>
              <a:t>Tidyverse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312BD29-4A90-46B5-9A9E-0B176E592C3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AA549D-0925-41BF-AB45-E908A950E03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7090566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529989-74A1-4DB5-810B-73414AE7BC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import in R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BACCB47-F089-4E64-9E88-14CC0705586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F2D2B77-54CC-4024-BB07-EF0082351C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70F82FA-0217-4E4D-BCF9-1BE01EEE01D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61550"/>
          <a:stretch/>
        </p:blipFill>
        <p:spPr>
          <a:xfrm>
            <a:off x="1203818" y="2477917"/>
            <a:ext cx="9926792" cy="26369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098706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E99378-F913-4750-9CD0-589280E937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visualization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1323CE2-2D59-4759-A72E-2F7E0FDBAC6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ggplot2</a:t>
            </a:r>
          </a:p>
          <a:p>
            <a:endParaRPr lang="en-US" dirty="0"/>
          </a:p>
          <a:p>
            <a:r>
              <a:rPr lang="en-US" dirty="0">
                <a:hlinkClick r:id="rId2"/>
              </a:rPr>
              <a:t>https://github.com/rstudio/cheatsheets/blob/master/data-visualization-2.1.pdf</a:t>
            </a:r>
            <a:endParaRPr lang="en-DK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7C8B85-7A36-49B5-A66C-B4AA2A9592D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5B90C40-592F-4B3B-B85A-CF3BC4075902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45800" b="31101"/>
          <a:stretch/>
        </p:blipFill>
        <p:spPr>
          <a:xfrm>
            <a:off x="1054646" y="3140968"/>
            <a:ext cx="9926792" cy="15841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503290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E87264-F326-4898-A458-2F627E7920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atistical Analysis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2DE770-3063-476D-8CBC-DC0CE1FA6E9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E73E9AF-F5C1-437E-A278-B08769EB4EB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4F02335-1B1F-4366-A842-2ACAC00BCC74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69299"/>
          <a:stretch/>
        </p:blipFill>
        <p:spPr>
          <a:xfrm>
            <a:off x="1352991" y="2492896"/>
            <a:ext cx="9926792" cy="21054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27315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3DF195D-E188-4DEB-A196-024C2736AA8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ummary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CDD85C5-5559-4639-A757-0AD3D8B0516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4C58462-ECE7-4828-8BEE-1C87965473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8180678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VHGb/aKS5bLLeyNSabD1TA=="},{"name":"PresentationTitle","value":"szVm1VP7wCT0Z6/+RlLQ4Q=="}]}]]></Templafy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4.xml><?xml version="1.0" encoding="utf-8"?>
<TemplafyTemplateConfiguration><![CDATA[{"elementsMetadata":[{"type":"shape","id":"238e85ed-56d9-4209-b9b6-b7c3689037c5","elementConfiguration":{"binding":"UserProfile.Offices.Workarea_{{DocumentLanguage}}","disableUpdates":false,"type":"text"}},{"type":"shape","id":"5b015a88-a4c9-4fa4-8ef1-47ac79f9e425","elementConfiguration":{"format":"{{DateFormats.GeneralDate}}","binding":"Form.Date","disableUpdates":false,"type":"date"}},{"type":"shape","id":"1ba720e6-1107-4dfa-a983-ea2ed7497a5b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DEE4BEE-00BA-4E32-BD26-AF535B50AC95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D27AE696-61B6-4B19-9CED-6F2A3F244FE3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6B8AD017-B053-4E30-93B9-B28A44CEC3A4}">
  <ds:schemaRefs/>
</ds:datastoreItem>
</file>

<file path=customXml/itemProps6.xml><?xml version="1.0" encoding="utf-8"?>
<ds:datastoreItem xmlns:ds="http://schemas.openxmlformats.org/officeDocument/2006/customXml" ds:itemID="{1680B9DC-2D51-4402-BB2C-B8DE0C5AC522}">
  <ds:schemaRefs/>
</ds:datastoreItem>
</file>

<file path=customXml/itemProps7.xml><?xml version="1.0" encoding="utf-8"?>
<ds:datastoreItem xmlns:ds="http://schemas.openxmlformats.org/officeDocument/2006/customXml" ds:itemID="{CA9FC985-930B-40D4-827F-9FAC5D35EA8C}">
  <ds:schemaRefs/>
</ds:datastoreItem>
</file>

<file path=customXml/itemProps8.xml><?xml version="1.0" encoding="utf-8"?>
<ds:datastoreItem xmlns:ds="http://schemas.openxmlformats.org/officeDocument/2006/customXml" ds:itemID="{9587AFF5-BFB0-40A3-85CA-ADEED754080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999</TotalTime>
  <Words>109</Words>
  <Application>Microsoft Office PowerPoint</Application>
  <PresentationFormat>Custom</PresentationFormat>
  <Paragraphs>39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2" baseType="lpstr">
      <vt:lpstr>Arial</vt:lpstr>
      <vt:lpstr>Verdana</vt:lpstr>
      <vt:lpstr>Blank</vt:lpstr>
      <vt:lpstr>Introduction to R for Psychoacoustics</vt:lpstr>
      <vt:lpstr>Agenda</vt:lpstr>
      <vt:lpstr>Data preparation</vt:lpstr>
      <vt:lpstr>Data export in MATLAB</vt:lpstr>
      <vt:lpstr>Base R vs Tidyverse</vt:lpstr>
      <vt:lpstr>Data import in R</vt:lpstr>
      <vt:lpstr>Data visualization</vt:lpstr>
      <vt:lpstr>Statistical Analysis</vt:lpstr>
      <vt:lpstr>Summary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xel Ahrens</cp:lastModifiedBy>
  <cp:revision>92</cp:revision>
  <dcterms:created xsi:type="dcterms:W3CDTF">2017-07-31T08:31:56Z</dcterms:created>
  <dcterms:modified xsi:type="dcterms:W3CDTF">2020-06-02T07:21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21078422442709</vt:lpwstr>
  </property>
  <property fmtid="{D5CDD505-2E9C-101B-9397-08002B2CF9AE}" pid="6" name="TemplafyLanguageCode">
    <vt:lpwstr>en-GB</vt:lpwstr>
  </property>
</Properties>
</file>